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3_2022 - Striekačka jednorázová 50 ml\02. Príprava\03. PTK\01. Odoslané\"/>
    </mc:Choice>
  </mc:AlternateContent>
  <bookViews>
    <workbookView xWindow="-120" yWindow="-120" windowWidth="24240" windowHeight="13140"/>
  </bookViews>
  <sheets>
    <sheet name="Kalkulácia ceny" sheetId="3" r:id="rId1"/>
  </sheets>
  <definedNames>
    <definedName name="_xlnm.Print_Area" localSheetId="0">'Kalkulácia ceny'!$A$1:$M$29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8" i="3" l="1"/>
  <c r="L8" i="3"/>
</calcChain>
</file>

<file path=xl/sharedStrings.xml><?xml version="1.0" encoding="utf-8"?>
<sst xmlns="http://schemas.openxmlformats.org/spreadsheetml/2006/main" count="76" uniqueCount="5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Predpokladané množstvo na zmluvné obdobie
(12 mes.)</t>
  </si>
  <si>
    <t xml:space="preserve"> Striekačka jednorazová 50 ml</t>
  </si>
  <si>
    <t>50 160 ks</t>
  </si>
  <si>
    <t>Sortiment položky č. 1 -   Striekačka jednorazová 50 m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7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8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164" fontId="2" fillId="5" borderId="2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0" fontId="2" fillId="6" borderId="20" xfId="0" applyFont="1" applyFill="1" applyBorder="1" applyAlignment="1" applyProtection="1">
      <alignment horizontal="center" vertical="center" wrapText="1"/>
      <protection locked="0"/>
    </xf>
    <xf numFmtId="0" fontId="2" fillId="6" borderId="21" xfId="0" applyFont="1" applyFill="1" applyBorder="1" applyAlignment="1" applyProtection="1">
      <alignment horizontal="center" vertical="center" wrapText="1"/>
      <protection locked="0"/>
    </xf>
    <xf numFmtId="0" fontId="2" fillId="6" borderId="22" xfId="0" applyFont="1" applyFill="1" applyBorder="1" applyAlignment="1" applyProtection="1">
      <alignment horizontal="center" vertical="center" wrapText="1"/>
      <protection locked="0"/>
    </xf>
    <xf numFmtId="0" fontId="2" fillId="6" borderId="10" xfId="0" applyFont="1" applyFill="1" applyBorder="1" applyAlignment="1" applyProtection="1">
      <alignment horizontal="center" vertical="center" wrapText="1"/>
      <protection locked="0"/>
    </xf>
    <xf numFmtId="0" fontId="2" fillId="6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164" fontId="2" fillId="4" borderId="32" xfId="0" applyNumberFormat="1" applyFont="1" applyFill="1" applyBorder="1" applyAlignment="1" applyProtection="1">
      <alignment horizontal="right" vertical="center"/>
      <protection locked="0"/>
    </xf>
    <xf numFmtId="0" fontId="12" fillId="0" borderId="35" xfId="0" applyFont="1" applyBorder="1" applyAlignment="1" applyProtection="1">
      <alignment horizontal="center" vertical="center" wrapText="1"/>
      <protection locked="0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10" fillId="0" borderId="35" xfId="0" applyFont="1" applyBorder="1" applyAlignment="1" applyProtection="1">
      <alignment horizontal="center" vertical="center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left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6" borderId="18" xfId="0" applyFont="1" applyFill="1" applyBorder="1" applyAlignment="1" applyProtection="1">
      <alignment horizontal="center" vertical="top" wrapText="1"/>
      <protection locked="0"/>
    </xf>
    <xf numFmtId="0" fontId="3" fillId="6" borderId="19" xfId="0" applyFont="1" applyFill="1" applyBorder="1" applyAlignment="1" applyProtection="1">
      <alignment horizontal="center" vertical="top" wrapText="1"/>
      <protection locked="0"/>
    </xf>
    <xf numFmtId="0" fontId="3" fillId="0" borderId="52" xfId="0" applyFont="1" applyBorder="1" applyAlignment="1" applyProtection="1">
      <alignment horizontal="center" vertical="top" wrapText="1"/>
      <protection locked="0"/>
    </xf>
    <xf numFmtId="0" fontId="3" fillId="0" borderId="53" xfId="0" applyFont="1" applyBorder="1" applyAlignment="1" applyProtection="1">
      <alignment horizontal="center" vertical="top" wrapText="1"/>
      <protection locked="0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49" fontId="2" fillId="0" borderId="57" xfId="0" applyNumberFormat="1" applyFont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33"/>
  <sheetViews>
    <sheetView showGridLines="0" tabSelected="1" zoomScaleNormal="10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41" t="s">
        <v>24</v>
      </c>
      <c r="B1" s="141"/>
      <c r="C1" s="141"/>
      <c r="D1" s="141"/>
      <c r="E1" s="141"/>
      <c r="F1" s="141"/>
      <c r="G1" s="141"/>
      <c r="H1" s="141"/>
      <c r="I1" s="141"/>
      <c r="J1" s="141"/>
      <c r="K1" s="141"/>
      <c r="L1" s="141"/>
      <c r="M1" s="141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4" t="s">
        <v>50</v>
      </c>
      <c r="B3" s="124"/>
      <c r="C3" s="124"/>
      <c r="D3" s="124"/>
      <c r="E3" s="124"/>
      <c r="F3" s="124"/>
      <c r="G3" s="124"/>
      <c r="H3" s="124"/>
      <c r="I3" s="124"/>
      <c r="J3" s="124"/>
      <c r="K3" s="124"/>
      <c r="L3" s="124"/>
    </row>
    <row r="4" spans="1:62" s="44" customFormat="1" ht="33" customHeight="1" x14ac:dyDescent="0.25">
      <c r="A4" s="125" t="s">
        <v>25</v>
      </c>
      <c r="B4" s="127" t="s">
        <v>26</v>
      </c>
      <c r="C4" s="125" t="s">
        <v>47</v>
      </c>
      <c r="D4" s="129" t="s">
        <v>31</v>
      </c>
      <c r="E4" s="131" t="s">
        <v>32</v>
      </c>
      <c r="F4" s="131" t="s">
        <v>33</v>
      </c>
      <c r="G4" s="131" t="s">
        <v>34</v>
      </c>
      <c r="H4" s="102" t="s">
        <v>35</v>
      </c>
      <c r="I4" s="133" t="s">
        <v>36</v>
      </c>
      <c r="J4" s="134"/>
      <c r="K4" s="134"/>
      <c r="L4" s="133" t="s">
        <v>37</v>
      </c>
      <c r="M4" s="135"/>
      <c r="O4" s="50"/>
      <c r="P4" s="50"/>
    </row>
    <row r="5" spans="1:62" s="44" customFormat="1" ht="33" customHeight="1" x14ac:dyDescent="0.25">
      <c r="A5" s="126"/>
      <c r="B5" s="128"/>
      <c r="C5" s="126"/>
      <c r="D5" s="130"/>
      <c r="E5" s="132"/>
      <c r="F5" s="132"/>
      <c r="G5" s="132"/>
      <c r="H5" s="103"/>
      <c r="I5" s="104" t="s">
        <v>28</v>
      </c>
      <c r="J5" s="105" t="s">
        <v>38</v>
      </c>
      <c r="K5" s="106" t="s">
        <v>30</v>
      </c>
      <c r="L5" s="107" t="s">
        <v>28</v>
      </c>
      <c r="M5" s="108" t="s">
        <v>30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9</v>
      </c>
      <c r="K6" s="53" t="s">
        <v>40</v>
      </c>
      <c r="L6" s="53" t="s">
        <v>41</v>
      </c>
      <c r="M6" s="53" t="s">
        <v>42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50</v>
      </c>
      <c r="C7" s="55" t="s">
        <v>48</v>
      </c>
      <c r="D7" s="112">
        <v>50160</v>
      </c>
      <c r="E7" s="57"/>
      <c r="F7" s="57"/>
      <c r="G7" s="57"/>
      <c r="H7" s="58"/>
      <c r="I7" s="59"/>
      <c r="J7" s="60"/>
      <c r="K7" s="61"/>
      <c r="L7" s="62"/>
      <c r="M7" s="63"/>
      <c r="O7" s="54"/>
      <c r="P7" s="54"/>
    </row>
    <row r="8" spans="1:62" s="47" customFormat="1" ht="33" customHeight="1" thickBot="1" x14ac:dyDescent="0.3">
      <c r="A8" s="64"/>
      <c r="B8" s="65"/>
      <c r="C8" s="65"/>
      <c r="D8" s="65"/>
      <c r="E8" s="66"/>
      <c r="F8" s="66"/>
      <c r="G8" s="66"/>
      <c r="H8" s="66"/>
      <c r="I8" s="65"/>
      <c r="J8" s="65"/>
      <c r="K8" s="65"/>
      <c r="L8" s="113">
        <f>SUM(L7:L7)</f>
        <v>0</v>
      </c>
      <c r="M8" s="113">
        <f>SUM(M7:M7)</f>
        <v>0</v>
      </c>
      <c r="O8" s="67"/>
      <c r="P8" s="67"/>
    </row>
    <row r="9" spans="1:62" s="48" customFormat="1" ht="29.25" customHeight="1" thickBot="1" x14ac:dyDescent="0.3">
      <c r="A9" s="145" t="s">
        <v>52</v>
      </c>
      <c r="B9" s="145"/>
      <c r="C9" s="145"/>
      <c r="D9" s="145"/>
      <c r="E9" s="145"/>
      <c r="F9" s="145"/>
      <c r="G9" s="145"/>
      <c r="H9" s="145"/>
      <c r="I9" s="145"/>
      <c r="J9" s="145"/>
      <c r="K9" s="145"/>
      <c r="L9" s="68"/>
      <c r="M9" s="68"/>
      <c r="N9" s="68"/>
      <c r="O9" s="68"/>
      <c r="P9" s="68"/>
    </row>
    <row r="10" spans="1:62" s="39" customFormat="1" ht="33" customHeight="1" x14ac:dyDescent="0.25">
      <c r="A10" s="146" t="s">
        <v>25</v>
      </c>
      <c r="B10" s="148" t="s">
        <v>43</v>
      </c>
      <c r="C10" s="148" t="s">
        <v>44</v>
      </c>
      <c r="D10" s="148" t="s">
        <v>33</v>
      </c>
      <c r="E10" s="148" t="s">
        <v>35</v>
      </c>
      <c r="F10" s="148" t="s">
        <v>45</v>
      </c>
      <c r="G10" s="148" t="s">
        <v>46</v>
      </c>
      <c r="H10" s="142" t="s">
        <v>27</v>
      </c>
      <c r="I10" s="143"/>
      <c r="J10" s="144"/>
      <c r="K10" s="136" t="s">
        <v>49</v>
      </c>
      <c r="M10" s="50"/>
      <c r="N10" s="50"/>
      <c r="O10" s="50"/>
      <c r="P10" s="50"/>
    </row>
    <row r="11" spans="1:62" s="39" customFormat="1" ht="22.5" customHeight="1" x14ac:dyDescent="0.25">
      <c r="A11" s="147"/>
      <c r="B11" s="149"/>
      <c r="C11" s="149"/>
      <c r="D11" s="149"/>
      <c r="E11" s="149"/>
      <c r="F11" s="149"/>
      <c r="G11" s="149"/>
      <c r="H11" s="51" t="s">
        <v>28</v>
      </c>
      <c r="I11" s="52" t="s">
        <v>29</v>
      </c>
      <c r="J11" s="69" t="s">
        <v>30</v>
      </c>
      <c r="K11" s="137"/>
      <c r="M11" s="50"/>
      <c r="N11" s="50"/>
      <c r="O11" s="50"/>
      <c r="P11" s="50"/>
    </row>
    <row r="12" spans="1:62" s="40" customFormat="1" ht="14.1" customHeight="1" x14ac:dyDescent="0.25">
      <c r="A12" s="70" t="s">
        <v>0</v>
      </c>
      <c r="B12" s="71" t="s">
        <v>12</v>
      </c>
      <c r="C12" s="71" t="s">
        <v>13</v>
      </c>
      <c r="D12" s="72" t="s">
        <v>14</v>
      </c>
      <c r="E12" s="73" t="s">
        <v>15</v>
      </c>
      <c r="F12" s="72" t="s">
        <v>16</v>
      </c>
      <c r="G12" s="53" t="s">
        <v>17</v>
      </c>
      <c r="H12" s="74" t="s">
        <v>18</v>
      </c>
      <c r="I12" s="75" t="s">
        <v>19</v>
      </c>
      <c r="J12" s="76" t="s">
        <v>39</v>
      </c>
      <c r="K12" s="115" t="s">
        <v>40</v>
      </c>
      <c r="L12" s="116"/>
      <c r="M12" s="77"/>
      <c r="N12" s="77"/>
      <c r="O12" s="77"/>
      <c r="P12" s="77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78" t="s">
        <v>0</v>
      </c>
      <c r="B13" s="79"/>
      <c r="C13" s="80"/>
      <c r="D13" s="109"/>
      <c r="E13" s="109"/>
      <c r="F13" s="109"/>
      <c r="G13" s="109"/>
      <c r="H13" s="81"/>
      <c r="I13" s="82"/>
      <c r="J13" s="83"/>
      <c r="K13" s="138" t="s">
        <v>51</v>
      </c>
      <c r="L13" s="114"/>
      <c r="M13" s="54"/>
      <c r="N13" s="54"/>
      <c r="O13" s="54"/>
      <c r="P13" s="54"/>
    </row>
    <row r="14" spans="1:62" s="41" customFormat="1" ht="33" customHeight="1" x14ac:dyDescent="0.25">
      <c r="A14" s="84" t="s">
        <v>12</v>
      </c>
      <c r="B14" s="85"/>
      <c r="C14" s="86"/>
      <c r="D14" s="110"/>
      <c r="E14" s="110"/>
      <c r="F14" s="110"/>
      <c r="G14" s="111"/>
      <c r="H14" s="87"/>
      <c r="I14" s="88"/>
      <c r="J14" s="89"/>
      <c r="K14" s="139"/>
      <c r="L14" s="114"/>
      <c r="M14" s="54"/>
      <c r="N14" s="54"/>
      <c r="O14" s="54"/>
      <c r="P14" s="54"/>
    </row>
    <row r="15" spans="1:62" s="41" customFormat="1" ht="33" customHeight="1" thickBot="1" x14ac:dyDescent="0.3">
      <c r="A15" s="90" t="s">
        <v>13</v>
      </c>
      <c r="B15" s="91"/>
      <c r="C15" s="92"/>
      <c r="D15" s="93"/>
      <c r="E15" s="93"/>
      <c r="F15" s="93"/>
      <c r="G15" s="93"/>
      <c r="H15" s="94"/>
      <c r="I15" s="95"/>
      <c r="J15" s="96"/>
      <c r="K15" s="140"/>
      <c r="L15" s="114"/>
      <c r="M15" s="54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10"/>
    </row>
    <row r="17" spans="1:16" s="41" customFormat="1" ht="33" customHeight="1" x14ac:dyDescent="0.25">
      <c r="A17" s="97"/>
      <c r="B17" s="98"/>
      <c r="C17" s="98"/>
      <c r="D17" s="97"/>
      <c r="E17" s="97"/>
      <c r="F17" s="97"/>
      <c r="G17" s="97"/>
      <c r="H17" s="97"/>
      <c r="I17" s="99"/>
      <c r="J17" s="100"/>
      <c r="K17" s="99"/>
      <c r="L17" s="101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23"/>
      <c r="D18" s="123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18"/>
      <c r="D19" s="118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18"/>
      <c r="D20" s="118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23"/>
      <c r="D22" s="123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18"/>
      <c r="D23" s="118"/>
      <c r="E23" s="20"/>
      <c r="F23" s="17"/>
      <c r="G23" s="27" t="s">
        <v>20</v>
      </c>
      <c r="H23" s="121"/>
      <c r="I23" s="121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18"/>
      <c r="D24" s="118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22"/>
      <c r="I25" s="122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20"/>
      <c r="I26" s="120"/>
    </row>
    <row r="27" spans="1:16" s="13" customFormat="1" ht="20.100000000000001" customHeight="1" x14ac:dyDescent="0.2">
      <c r="A27" s="10" t="s">
        <v>2</v>
      </c>
      <c r="B27" s="118"/>
      <c r="C27" s="118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19"/>
      <c r="C28" s="119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17" t="s">
        <v>10</v>
      </c>
      <c r="B31" s="117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4"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K13:K15"/>
    <mergeCell ref="A31:B31"/>
    <mergeCell ref="B27:C27"/>
    <mergeCell ref="B28:C28"/>
    <mergeCell ref="H26:I26"/>
    <mergeCell ref="H23:I23"/>
    <mergeCell ref="H25:I25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08-27T05:37:35Z</cp:lastPrinted>
  <dcterms:created xsi:type="dcterms:W3CDTF">2016-07-20T08:41:08Z</dcterms:created>
  <dcterms:modified xsi:type="dcterms:W3CDTF">2022-08-02T11:35:26Z</dcterms:modified>
</cp:coreProperties>
</file>